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58" r:id="rId3"/>
    <p:sldId id="257" r:id="rId4"/>
    <p:sldId id="259" r:id="rId5"/>
    <p:sldId id="268" r:id="rId6"/>
    <p:sldId id="275" r:id="rId7"/>
    <p:sldId id="261" r:id="rId8"/>
    <p:sldId id="277" r:id="rId9"/>
    <p:sldId id="274" r:id="rId10"/>
    <p:sldId id="269" r:id="rId11"/>
    <p:sldId id="270" r:id="rId12"/>
    <p:sldId id="271" r:id="rId13"/>
    <p:sldId id="272" r:id="rId14"/>
    <p:sldId id="276" r:id="rId15"/>
    <p:sldId id="273" r:id="rId16"/>
    <p:sldId id="278" r:id="rId17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58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 custT="1"/>
      <dgm:spPr/>
      <dgm:t>
        <a:bodyPr/>
        <a:lstStyle/>
        <a:p>
          <a:r>
            <a:rPr lang="fr-FR" sz="900" dirty="0" smtClean="0"/>
            <a:t>Différentes compétences</a:t>
          </a:r>
          <a:endParaRPr lang="fr-FR" sz="900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concurrents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 custT="1"/>
      <dgm:spPr/>
      <dgm:t>
        <a:bodyPr/>
        <a:lstStyle/>
        <a:p>
          <a:r>
            <a:rPr lang="fr-FR" sz="900" dirty="0" smtClean="0"/>
            <a:t>Contact avec un expert</a:t>
          </a:r>
          <a:endParaRPr lang="fr-FR" sz="900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Faible 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 custT="1"/>
      <dgm:spPr/>
      <dgm:t>
        <a:bodyPr/>
        <a:lstStyle/>
        <a:p>
          <a:r>
            <a:rPr lang="fr-FR" sz="900" dirty="0" smtClean="0"/>
            <a:t>Utilisation de package ‘open source ’</a:t>
          </a:r>
          <a:endParaRPr lang="fr-FR" sz="900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232CE46-097B-4790-9B07-F6CE16252DFF}" type="presOf" srcId="{DCE41F30-8A4B-4090-95D5-6CBD1CFA1EEC}" destId="{A67A60E5-5291-49E4-B3E5-53A58B528285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37AF687D-1A9E-4298-90CF-E8DBC4CFFF13}" type="presOf" srcId="{62885FA7-E7FB-4933-9935-6A8AA90289B4}" destId="{8128ED5B-798D-45C7-BB11-A0996A8BF223}" srcOrd="1" destOrd="2" presId="urn:microsoft.com/office/officeart/2005/8/layout/cycle4"/>
    <dgm:cxn modelId="{B8D0FEE6-0B19-4981-B1D0-192621027BC2}" type="presOf" srcId="{49454F30-2B75-445A-845F-7473D893477D}" destId="{431C4C2F-7F42-4D62-8EEF-918E7AD22EA0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8F70460-9DAF-4C90-909A-56A5CD8C7429}" type="presOf" srcId="{1981BF8C-ABB4-462F-BD54-45D3229B3478}" destId="{05478942-E273-4856-8553-F0FD8F015AA2}" srcOrd="0" destOrd="0" presId="urn:microsoft.com/office/officeart/2005/8/layout/cycle4"/>
    <dgm:cxn modelId="{0A2D4217-9555-4640-8A0C-CBBE033FEE9B}" type="presOf" srcId="{21C7A246-DDB5-40DD-9118-CC4963BF878A}" destId="{BC6F0824-1351-49BA-BADB-F02B71A91728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6E41B2D3-F02C-4FAF-AEB5-92611C1DA331}" type="presOf" srcId="{850DD825-7D08-4BBC-94B9-7E217910F9A2}" destId="{431C4C2F-7F42-4D62-8EEF-918E7AD22EA0}" srcOrd="0" destOrd="1" presId="urn:microsoft.com/office/officeart/2005/8/layout/cycle4"/>
    <dgm:cxn modelId="{8DC88364-F13C-41BF-862E-24F5114F2898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2A677A01-58EB-4E82-B607-502F6E54B8C1}" type="presOf" srcId="{9B35DA45-8824-4EE3-89F0-3F4E07F980E3}" destId="{68AC0C8C-6683-4490-8F38-983C8CB47C3F}" srcOrd="0" destOrd="0" presId="urn:microsoft.com/office/officeart/2005/8/layout/cycle4"/>
    <dgm:cxn modelId="{5609CD83-B1C1-43ED-B394-2FA9B46CDE9D}" type="presOf" srcId="{8BEA78FF-204F-4428-9092-659961DC247C}" destId="{C0852406-3DC0-4222-A1F8-184593FC4596}" srcOrd="0" destOrd="0" presId="urn:microsoft.com/office/officeart/2005/8/layout/cycle4"/>
    <dgm:cxn modelId="{78CBA1FA-F343-43EE-ADD5-CB825EA63CDE}" type="presOf" srcId="{21C7A246-DDB5-40DD-9118-CC4963BF878A}" destId="{8128ED5B-798D-45C7-BB11-A0996A8BF223}" srcOrd="1" destOrd="1" presId="urn:microsoft.com/office/officeart/2005/8/layout/cycle4"/>
    <dgm:cxn modelId="{B72AD70C-1119-4CD1-A715-69F95E790449}" type="presOf" srcId="{AE8D8FFF-9AF0-4B15-AF81-01A130F2BD02}" destId="{FFCC9154-8E22-496A-ADF8-EA81D4AB5D77}" srcOrd="1" destOrd="1" presId="urn:microsoft.com/office/officeart/2005/8/layout/cycle4"/>
    <dgm:cxn modelId="{719CEA49-80B9-42FF-8E65-C86BF4F8FDF9}" type="presOf" srcId="{49454F30-2B75-445A-845F-7473D893477D}" destId="{53088BBF-CDFB-43AD-88FA-A16B4FDD4AEA}" srcOrd="1" destOrd="0" presId="urn:microsoft.com/office/officeart/2005/8/layout/cycle4"/>
    <dgm:cxn modelId="{8777DA17-1BC6-4954-8AF7-1123B39EE091}" type="presOf" srcId="{AE8D8FFF-9AF0-4B15-AF81-01A130F2BD02}" destId="{05478942-E273-4856-8553-F0FD8F015AA2}" srcOrd="0" destOrd="1" presId="urn:microsoft.com/office/officeart/2005/8/layout/cycle4"/>
    <dgm:cxn modelId="{2C0CC1A6-087D-4CF6-88BB-4358110FD673}" type="presOf" srcId="{7FF71154-70C1-47DE-91E2-5DB90307E807}" destId="{68AC0C8C-6683-4490-8F38-983C8CB47C3F}" srcOrd="0" destOrd="1" presId="urn:microsoft.com/office/officeart/2005/8/layout/cycle4"/>
    <dgm:cxn modelId="{54460A03-1998-40A7-8046-EA57DF9F5AF7}" type="presOf" srcId="{7FF71154-70C1-47DE-91E2-5DB90307E807}" destId="{60120B91-D76F-4101-857D-B9B656863593}" srcOrd="1" destOrd="1" presId="urn:microsoft.com/office/officeart/2005/8/layout/cycle4"/>
    <dgm:cxn modelId="{94C690E3-99CA-4908-89AA-C2EB5855A793}" type="presOf" srcId="{CC293B1C-4CF8-4FF0-BBC7-4942ED2D7F88}" destId="{39401A14-B365-4553-9A3D-A401D3183747}" srcOrd="0" destOrd="0" presId="urn:microsoft.com/office/officeart/2005/8/layout/cycle4"/>
    <dgm:cxn modelId="{F918012F-B6C2-4CA7-9692-CC38EC5453D1}" type="presOf" srcId="{1981BF8C-ABB4-462F-BD54-45D3229B3478}" destId="{FFCC9154-8E22-496A-ADF8-EA81D4AB5D77}" srcOrd="1" destOrd="0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9011A2A-56A6-4D15-98B3-D063B21B8177}" type="presOf" srcId="{850DD825-7D08-4BBC-94B9-7E217910F9A2}" destId="{53088BBF-CDFB-43AD-88FA-A16B4FDD4AEA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8E8118C7-6F48-47FD-9699-5CB968D5A8EC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C9FF9267-1BA2-434F-937D-9BF7A78C05CB}" type="presOf" srcId="{35F1F2D2-FC47-4990-98DB-731AFE036343}" destId="{8128ED5B-798D-45C7-BB11-A0996A8BF223}" srcOrd="1" destOrd="0" presId="urn:microsoft.com/office/officeart/2005/8/layout/cycle4"/>
    <dgm:cxn modelId="{18609EB4-AEF7-44BE-9DF1-AD51ACAEBCB6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0A3CFEA7-3477-4B0F-A922-85C5DF7F25F8}" type="presOf" srcId="{35F1F2D2-FC47-4990-98DB-731AFE036343}" destId="{BC6F0824-1351-49BA-BADB-F02B71A91728}" srcOrd="0" destOrd="0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FF16722E-7D3C-4C04-87A7-EBCF3967DD7C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4F9A148-A894-45AD-A769-FAB6280A29E4}" type="presParOf" srcId="{39401A14-B365-4553-9A3D-A401D3183747}" destId="{D7E58549-68A7-4F21-BF0D-84F7636DCD92}" srcOrd="0" destOrd="0" presId="urn:microsoft.com/office/officeart/2005/8/layout/cycle4"/>
    <dgm:cxn modelId="{1E12C050-4A8E-4BE9-92B5-6CEC8D0726D5}" type="presParOf" srcId="{D7E58549-68A7-4F21-BF0D-84F7636DCD92}" destId="{5D458377-8CFE-43EB-BDF2-7CB3F0D876C1}" srcOrd="0" destOrd="0" presId="urn:microsoft.com/office/officeart/2005/8/layout/cycle4"/>
    <dgm:cxn modelId="{D96B4851-91D0-44C5-A22F-EAD2D7E8F63B}" type="presParOf" srcId="{5D458377-8CFE-43EB-BDF2-7CB3F0D876C1}" destId="{BC6F0824-1351-49BA-BADB-F02B71A91728}" srcOrd="0" destOrd="0" presId="urn:microsoft.com/office/officeart/2005/8/layout/cycle4"/>
    <dgm:cxn modelId="{9CD896BF-BFB6-404D-9755-F23A50529926}" type="presParOf" srcId="{5D458377-8CFE-43EB-BDF2-7CB3F0D876C1}" destId="{8128ED5B-798D-45C7-BB11-A0996A8BF223}" srcOrd="1" destOrd="0" presId="urn:microsoft.com/office/officeart/2005/8/layout/cycle4"/>
    <dgm:cxn modelId="{FE078DCF-74C1-4B44-88B3-30DE535AA7D3}" type="presParOf" srcId="{D7E58549-68A7-4F21-BF0D-84F7636DCD92}" destId="{D1CAC0FF-E414-4230-81F1-48A389FCAA90}" srcOrd="1" destOrd="0" presId="urn:microsoft.com/office/officeart/2005/8/layout/cycle4"/>
    <dgm:cxn modelId="{43107EC9-C289-4C17-986C-3372C8EBF5EB}" type="presParOf" srcId="{D1CAC0FF-E414-4230-81F1-48A389FCAA90}" destId="{05478942-E273-4856-8553-F0FD8F015AA2}" srcOrd="0" destOrd="0" presId="urn:microsoft.com/office/officeart/2005/8/layout/cycle4"/>
    <dgm:cxn modelId="{9E6F2589-BA81-488A-AD59-F03CE0323EF6}" type="presParOf" srcId="{D1CAC0FF-E414-4230-81F1-48A389FCAA90}" destId="{FFCC9154-8E22-496A-ADF8-EA81D4AB5D77}" srcOrd="1" destOrd="0" presId="urn:microsoft.com/office/officeart/2005/8/layout/cycle4"/>
    <dgm:cxn modelId="{51835A2D-45DB-407D-9549-1C56905256C4}" type="presParOf" srcId="{D7E58549-68A7-4F21-BF0D-84F7636DCD92}" destId="{AC6B2FBF-7301-4489-8CBA-C72E325139A7}" srcOrd="2" destOrd="0" presId="urn:microsoft.com/office/officeart/2005/8/layout/cycle4"/>
    <dgm:cxn modelId="{64DC032B-256F-4C54-9AC6-C979621D0954}" type="presParOf" srcId="{AC6B2FBF-7301-4489-8CBA-C72E325139A7}" destId="{68AC0C8C-6683-4490-8F38-983C8CB47C3F}" srcOrd="0" destOrd="0" presId="urn:microsoft.com/office/officeart/2005/8/layout/cycle4"/>
    <dgm:cxn modelId="{9E95EAFD-E4E1-4AA0-AAED-161BE04BE610}" type="presParOf" srcId="{AC6B2FBF-7301-4489-8CBA-C72E325139A7}" destId="{60120B91-D76F-4101-857D-B9B656863593}" srcOrd="1" destOrd="0" presId="urn:microsoft.com/office/officeart/2005/8/layout/cycle4"/>
    <dgm:cxn modelId="{B210CCF5-DFC5-41A8-9AFB-D198FF3788DD}" type="presParOf" srcId="{D7E58549-68A7-4F21-BF0D-84F7636DCD92}" destId="{FE4735BA-FC16-4D11-8D7D-854C3BB49539}" srcOrd="3" destOrd="0" presId="urn:microsoft.com/office/officeart/2005/8/layout/cycle4"/>
    <dgm:cxn modelId="{6F2D137B-59E7-48F4-8EAE-7EAF26909DFD}" type="presParOf" srcId="{FE4735BA-FC16-4D11-8D7D-854C3BB49539}" destId="{431C4C2F-7F42-4D62-8EEF-918E7AD22EA0}" srcOrd="0" destOrd="0" presId="urn:microsoft.com/office/officeart/2005/8/layout/cycle4"/>
    <dgm:cxn modelId="{B97F07CF-2B96-403D-A414-408AD4936695}" type="presParOf" srcId="{FE4735BA-FC16-4D11-8D7D-854C3BB49539}" destId="{53088BBF-CDFB-43AD-88FA-A16B4FDD4AEA}" srcOrd="1" destOrd="0" presId="urn:microsoft.com/office/officeart/2005/8/layout/cycle4"/>
    <dgm:cxn modelId="{8596CA37-E633-41DE-A766-A54BE4D1CE98}" type="presParOf" srcId="{D7E58549-68A7-4F21-BF0D-84F7636DCD92}" destId="{4C71D571-69A8-40F3-850A-97D36405B4CD}" srcOrd="4" destOrd="0" presId="urn:microsoft.com/office/officeart/2005/8/layout/cycle4"/>
    <dgm:cxn modelId="{BC8CCF30-3BAC-459B-90A5-1788F1DA2991}" type="presParOf" srcId="{39401A14-B365-4553-9A3D-A401D3183747}" destId="{BFB0D660-5BF3-4B91-8837-C379A331C3C8}" srcOrd="1" destOrd="0" presId="urn:microsoft.com/office/officeart/2005/8/layout/cycle4"/>
    <dgm:cxn modelId="{C338CF6D-4DDC-4588-8F90-6C62AB45CAEC}" type="presParOf" srcId="{BFB0D660-5BF3-4B91-8837-C379A331C3C8}" destId="{E72BDFA6-376E-4614-9D7C-A68241E884D9}" srcOrd="0" destOrd="0" presId="urn:microsoft.com/office/officeart/2005/8/layout/cycle4"/>
    <dgm:cxn modelId="{F3B71D65-8206-4444-A8F5-3ADD8E43482F}" type="presParOf" srcId="{BFB0D660-5BF3-4B91-8837-C379A331C3C8}" destId="{A67A60E5-5291-49E4-B3E5-53A58B528285}" srcOrd="1" destOrd="0" presId="urn:microsoft.com/office/officeart/2005/8/layout/cycle4"/>
    <dgm:cxn modelId="{A2D8A0BA-6DB5-4828-BBD5-28765D4D96E2}" type="presParOf" srcId="{BFB0D660-5BF3-4B91-8837-C379A331C3C8}" destId="{CF4FC7F6-A89C-4633-A10E-BFE92B369DCD}" srcOrd="2" destOrd="0" presId="urn:microsoft.com/office/officeart/2005/8/layout/cycle4"/>
    <dgm:cxn modelId="{EEB200DB-BE16-4FA1-8AF3-C59DD5F5F816}" type="presParOf" srcId="{BFB0D660-5BF3-4B91-8837-C379A331C3C8}" destId="{C0852406-3DC0-4222-A1F8-184593FC4596}" srcOrd="3" destOrd="0" presId="urn:microsoft.com/office/officeart/2005/8/layout/cycle4"/>
    <dgm:cxn modelId="{52278C96-46CB-4553-846D-A7133E82C9E6}" type="presParOf" srcId="{BFB0D660-5BF3-4B91-8837-C379A331C3C8}" destId="{B569151F-8995-4BD7-A8F3-A948642763E3}" srcOrd="4" destOrd="0" presId="urn:microsoft.com/office/officeart/2005/8/layout/cycle4"/>
    <dgm:cxn modelId="{4F87B471-CF7C-44E5-BB4F-5490AA896B70}" type="presParOf" srcId="{39401A14-B365-4553-9A3D-A401D3183747}" destId="{3B6382B4-DDDF-482E-9E6A-38E6F7DB930C}" srcOrd="2" destOrd="0" presId="urn:microsoft.com/office/officeart/2005/8/layout/cycle4"/>
    <dgm:cxn modelId="{621F6373-DBDB-40E9-88D6-CD72AA411D9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4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</a:t>
            </a:r>
            <a:r>
              <a:rPr lang="fr-FR" sz="2000" dirty="0" smtClean="0"/>
              <a:t>a </a:t>
            </a:r>
            <a:r>
              <a:rPr lang="fr-FR" sz="2000" dirty="0"/>
              <a:t>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 smtClean="0"/>
              <a:t>Results</a:t>
            </a:r>
            <a:r>
              <a:rPr lang="fr-FR" sz="2000" dirty="0" smtClean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</a:t>
            </a:r>
            <a:r>
              <a:rPr lang="fr-FR" sz="2000" dirty="0" err="1" smtClean="0">
                <a:sym typeface="Wingdings" panose="05000000000000000000" pitchFamily="2" charset="2"/>
              </a:rPr>
              <a:t>Download</a:t>
            </a:r>
            <a:r>
              <a:rPr lang="fr-FR" sz="2000" dirty="0" smtClean="0">
                <a:sym typeface="Wingdings" panose="05000000000000000000" pitchFamily="2" charset="2"/>
              </a:rPr>
              <a:t> and data </a:t>
            </a:r>
            <a:r>
              <a:rPr lang="fr-FR" sz="2000" dirty="0" err="1" smtClean="0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smtClean="0"/>
              <a:t>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9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759200" y="4056141"/>
            <a:ext cx="20826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just"/>
            <a:r>
              <a:rPr lang="fr-FR" sz="1100" b="1" dirty="0" err="1"/>
              <a:t>Add</a:t>
            </a:r>
            <a:r>
              <a:rPr lang="fr-FR" sz="1100" b="1" dirty="0"/>
              <a:t> the </a:t>
            </a:r>
            <a:r>
              <a:rPr lang="fr-FR" sz="1100" b="1" dirty="0" err="1"/>
              <a:t>Database</a:t>
            </a:r>
            <a:r>
              <a:rPr lang="fr-FR" sz="1100" b="1" dirty="0"/>
              <a:t> on </a:t>
            </a:r>
            <a:r>
              <a:rPr lang="fr-FR" sz="1100" b="1" dirty="0" err="1"/>
              <a:t>client’s</a:t>
            </a:r>
            <a:r>
              <a:rPr lang="fr-FR" sz="1100" b="1" dirty="0"/>
              <a:t> server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 and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 smtClean="0"/>
              <a:t>started</a:t>
            </a:r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 smtClean="0"/>
              <a:t>it</a:t>
            </a:r>
            <a:endParaRPr lang="fr-FR" sz="2000" dirty="0" smtClean="0"/>
          </a:p>
          <a:p>
            <a:pPr algn="just"/>
            <a:r>
              <a:rPr lang="fr-FR" sz="2000" dirty="0" smtClean="0"/>
              <a:t>Local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 smtClean="0"/>
              <a:t>Rshiny</a:t>
            </a:r>
            <a:r>
              <a:rPr lang="fr-FR" sz="2000" dirty="0" smtClean="0"/>
              <a:t> interface</a:t>
            </a:r>
          </a:p>
          <a:p>
            <a:pPr algn="just"/>
            <a:r>
              <a:rPr lang="fr-FR" sz="2000" dirty="0" smtClean="0"/>
              <a:t>Strategic </a:t>
            </a:r>
            <a:r>
              <a:rPr lang="fr-FR" sz="2000" dirty="0" err="1" smtClean="0"/>
              <a:t>reorientation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</a:t>
            </a:r>
            <a:r>
              <a:rPr lang="fr-FR" sz="2000" dirty="0" smtClean="0"/>
              <a:t>interface</a:t>
            </a:r>
          </a:p>
          <a:p>
            <a:pPr algn="just"/>
            <a:r>
              <a:rPr lang="fr-FR" sz="2000" dirty="0" err="1" smtClean="0"/>
              <a:t>Add</a:t>
            </a:r>
            <a:r>
              <a:rPr lang="fr-FR" sz="2000" dirty="0" smtClean="0"/>
              <a:t> the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on </a:t>
            </a:r>
            <a:r>
              <a:rPr lang="fr-FR" sz="2000" dirty="0" err="1" smtClean="0"/>
              <a:t>client’s</a:t>
            </a:r>
            <a:r>
              <a:rPr lang="fr-FR" sz="2000" dirty="0" smtClean="0"/>
              <a:t> server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368866" y="2852024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959523" y="3250298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128486" y="360734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05594" y="5805638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992896" y="3975647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172639" y="4335942"/>
            <a:ext cx="304695" cy="293615"/>
          </a:xfrm>
          <a:prstGeom prst="rect">
            <a:avLst/>
          </a:prstGeom>
        </p:spPr>
      </p:pic>
      <p:pic>
        <p:nvPicPr>
          <p:cNvPr id="15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718748" y="4704242"/>
            <a:ext cx="304695" cy="293615"/>
          </a:xfrm>
          <a:prstGeom prst="rect">
            <a:avLst/>
          </a:prstGeom>
        </p:spPr>
      </p:pic>
      <p:pic>
        <p:nvPicPr>
          <p:cNvPr id="16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980387" y="5105049"/>
            <a:ext cx="304695" cy="293615"/>
          </a:xfrm>
          <a:prstGeom prst="rect">
            <a:avLst/>
          </a:prstGeom>
        </p:spPr>
      </p:pic>
      <p:pic>
        <p:nvPicPr>
          <p:cNvPr id="17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5331094" y="6186638"/>
            <a:ext cx="299307" cy="3103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5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90757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Téléchargement et récolte d’informations</a:t>
            </a: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0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1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Mettre en place la BDD sur le serveur du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8470900" y="4727498"/>
            <a:ext cx="12435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et ajuste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Gestion des risques</a:t>
            </a:r>
            <a:endParaRPr lang="fr-FR" dirty="0"/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3941913306"/>
              </p:ext>
            </p:extLst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6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10006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</a:t>
            </a:r>
            <a:r>
              <a:rPr lang="fr-FR" sz="2000" dirty="0" smtClean="0"/>
              <a:t>débutée</a:t>
            </a:r>
            <a:endParaRPr lang="fr-FR" sz="2000" dirty="0"/>
          </a:p>
          <a:p>
            <a:pPr algn="just"/>
            <a:r>
              <a:rPr lang="fr-FR" sz="2000" dirty="0"/>
              <a:t>Convertir les 4 scripts R en un seul script et </a:t>
            </a:r>
            <a:r>
              <a:rPr lang="fr-FR" sz="2000" dirty="0" smtClean="0"/>
              <a:t>tester</a:t>
            </a:r>
          </a:p>
          <a:p>
            <a:pPr algn="just"/>
            <a:r>
              <a:rPr lang="fr-FR" sz="2000" dirty="0" smtClean="0"/>
              <a:t>Base de données en local</a:t>
            </a:r>
          </a:p>
          <a:p>
            <a:pPr algn="just"/>
            <a:r>
              <a:rPr lang="fr-FR" sz="2000" dirty="0"/>
              <a:t>Finir l’application </a:t>
            </a:r>
            <a:r>
              <a:rPr lang="fr-FR" sz="2000" dirty="0" err="1" smtClean="0"/>
              <a:t>Rshiny</a:t>
            </a:r>
            <a:endParaRPr lang="fr-FR" sz="2000" dirty="0" smtClean="0"/>
          </a:p>
          <a:p>
            <a:pPr algn="just"/>
            <a:r>
              <a:rPr lang="fr-FR" sz="2000" dirty="0" smtClean="0"/>
              <a:t>Réorientation stratégique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/>
              <a:t>Finir l’interface </a:t>
            </a:r>
            <a:r>
              <a:rPr lang="fr-FR" sz="2000" dirty="0" smtClean="0"/>
              <a:t>web</a:t>
            </a:r>
          </a:p>
          <a:p>
            <a:pPr algn="just"/>
            <a:r>
              <a:rPr lang="fr-FR" sz="2000" dirty="0" smtClean="0"/>
              <a:t>Ajouter le site sur le site du client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04332" y="2835091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30771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59130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709863" y="3979437"/>
            <a:ext cx="304695" cy="293615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78629" y="5824517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82872" y="4334349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70173" y="4723813"/>
            <a:ext cx="304695" cy="293615"/>
          </a:xfrm>
          <a:prstGeom prst="rect">
            <a:avLst/>
          </a:prstGeom>
        </p:spPr>
      </p:pic>
      <p:pic>
        <p:nvPicPr>
          <p:cNvPr id="15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5048449" y="6190161"/>
            <a:ext cx="299307" cy="310393"/>
          </a:xfrm>
          <a:prstGeom prst="rect">
            <a:avLst/>
          </a:prstGeom>
        </p:spPr>
      </p:pic>
      <p:pic>
        <p:nvPicPr>
          <p:cNvPr id="16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70173" y="5104813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288" y="1963022"/>
            <a:ext cx="2537284" cy="2751591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20165" y="1661017"/>
            <a:ext cx="2664256" cy="288581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5142" y="2919368"/>
            <a:ext cx="7036857" cy="38116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466896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GlkIjoiMzY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5NiJ9LCJJc1Zpc2libGUiOnRydWUsIldpZHRoIjowLjAsIkhlaWdodCI6MC4wLCJCb3JkZXJTdHlsZSI6eyIkaWQiOiIzODYiLCJMaW5lQ29sb3IiOm51bGwsIkxpbmVXZWlnaHQiOjAuMCwiTGluZVR5cGUiOjAsIlBhcmVudFN0eWxlIjpudWxsfSwiUGFyZW50U3R5bGUiOm51bGx9LCJIb3Jpem9udGFsQ29ubmVjdG9yU3R5bGUiOnsiJGlkIjoiMzg3IiwiTGluZUNvbG9yIjp7IiRyZWYiOiI5OCJ9LCJMaW5lV2VpZ2h0IjoxLjAsIkxpbmVUeXBlIjowLCJQYXJlbnRTdHlsZSI6bnVsbH0sIlZlcnRpY2FsQ29ubmVjdG9yU3R5bGUiOnsiJGlkIjoiMzg4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M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48</TotalTime>
  <Words>526</Words>
  <Application>Microsoft Office PowerPoint</Application>
  <PresentationFormat>Widescreen</PresentationFormat>
  <Paragraphs>176</Paragraphs>
  <Slides>16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1" baseType="lpstr">
      <vt:lpstr>Arial</vt:lpstr>
      <vt:lpstr>Calibri</vt:lpstr>
      <vt:lpstr>Calibri Light</vt:lpstr>
      <vt:lpstr>Wingdings</vt:lpstr>
      <vt:lpstr>Office Theme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64</cp:revision>
  <dcterms:created xsi:type="dcterms:W3CDTF">2019-11-20T07:40:40Z</dcterms:created>
  <dcterms:modified xsi:type="dcterms:W3CDTF">2020-01-13T10:06:29Z</dcterms:modified>
</cp:coreProperties>
</file>